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15"/>
  </p:notesMasterIdLst>
  <p:sldIdLst>
    <p:sldId id="257" r:id="rId10"/>
    <p:sldId id="288" r:id="rId11"/>
    <p:sldId id="522" r:id="rId12"/>
    <p:sldId id="270" r:id="rId13"/>
    <p:sldId id="525" r:id="rId1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98A0F"/>
    <a:srgbClr val="F2C75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987" autoAdjust="0"/>
    <p:restoredTop sz="84615" autoAdjust="0"/>
  </p:normalViewPr>
  <p:slideViewPr>
    <p:cSldViewPr snapToGrid="0" showGuides="1">
      <p:cViewPr varScale="1">
        <p:scale>
          <a:sx n="72" d="100"/>
          <a:sy n="72" d="100"/>
        </p:scale>
        <p:origin x="163" y="9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theme" Target="theme/theme1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notesMaster" Target="notesMasters/notesMaster1.xml"/><Relationship Id="rId10" Type="http://schemas.openxmlformats.org/officeDocument/2006/relationships/slide" Target="slides/slide1.xml"/><Relationship Id="rId19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2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997537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2717344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Jan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2303015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845847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i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9161230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955442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2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82" r:id="rId7"/>
    <p:sldLayoutId id="2147483689" r:id="rId8"/>
    <p:sldLayoutId id="2147483676" r:id="rId9"/>
    <p:sldLayoutId id="2147483654" r:id="rId10"/>
    <p:sldLayoutId id="2147483685" r:id="rId11"/>
    <p:sldLayoutId id="2147483691" r:id="rId12"/>
    <p:sldLayoutId id="2147483662" r:id="rId13"/>
    <p:sldLayoutId id="214748369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3.emf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4.emf"/><Relationship Id="rId4" Type="http://schemas.openxmlformats.org/officeDocument/2006/relationships/notesSlide" Target="../notesSlides/notesSlide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97F894D-9FFA-4C7B-8630-45BFFAEF2F2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49384" y="1449659"/>
            <a:ext cx="10069011" cy="4381122"/>
          </a:xfrm>
        </p:spPr>
        <p:txBody>
          <a:bodyPr/>
          <a:lstStyle/>
          <a:p>
            <a:r>
              <a:rPr lang="da-DK" sz="8800" dirty="0"/>
              <a:t>Velkommen til </a:t>
            </a:r>
            <a:r>
              <a:rPr lang="da-DK" sz="7200" dirty="0"/>
              <a:t>Projekt- og porteføljenetværk</a:t>
            </a:r>
            <a:br>
              <a:rPr lang="da-DK" sz="8800" dirty="0"/>
            </a:br>
            <a:br>
              <a:rPr lang="da-DK" sz="4800" dirty="0"/>
            </a:br>
            <a:r>
              <a:rPr lang="da-DK" sz="4800" dirty="0"/>
              <a:t>21. februar 2024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5-02-2024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9D635C36-FE7A-4203-9D8F-A0C43411BE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554636"/>
            <a:ext cx="5366267" cy="809469"/>
          </a:xfrm>
        </p:spPr>
        <p:txBody>
          <a:bodyPr/>
          <a:lstStyle/>
          <a:p>
            <a:r>
              <a:rPr lang="da-DK" dirty="0"/>
              <a:t>Program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3EDBE6F5-D4AA-4746-B799-FB70CE5ED774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744227" y="413886"/>
            <a:ext cx="7628173" cy="6265694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9.00 - 9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lkommen og intro til dagens tema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Janne Valdgård Petersen og Karin Grundsø, Planlægningsgruppen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9.15 - 9.3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lederens samarbejde med Indkøb og Udbud 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Indkøbs- og Udbudschef Jesper Lundorff Hoffmann, Indkøb og Udbud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b="1" dirty="0"/>
              <a:t>9.35 - 9.5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rojektlederens samarbejde med </a:t>
            </a:r>
            <a:r>
              <a:rPr lang="da-DK" sz="1800" b="1" dirty="0">
                <a:latin typeface="Calibri" panose="020F0502020204030204" pitchFamily="34" charset="0"/>
                <a:ea typeface="Times New Roman" panose="02020603050405020304" pitchFamily="18" charset="0"/>
              </a:rPr>
              <a:t>Compliance</a:t>
            </a:r>
            <a:endParaRPr lang="da-DK" sz="1800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Informationssikkerhedschef Janni Lee B. Bang Brodersen,</a:t>
            </a:r>
            <a:endParaRPr lang="da-DK" sz="1800" dirty="0"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SDU Digital -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Compliance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9.55 - 10.15 </a:t>
            </a:r>
            <a:r>
              <a:rPr lang="da-DK" sz="1800" b="1" dirty="0"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Projektlederens samarbejde med en Løsningsarkitekt</a:t>
            </a: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  <a:cs typeface="Calibri" panose="020F0502020204030204" pitchFamily="34" charset="0"/>
              </a:rPr>
              <a:t>ved Løsningsarkitekt Allan Vestergaard, SDU Digital – Design</a:t>
            </a:r>
          </a:p>
          <a:p>
            <a:pPr marL="0" indent="0">
              <a:buNone/>
            </a:pP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10.15 - 10.45 Netværke og holde pause</a:t>
            </a:r>
          </a:p>
          <a:p>
            <a:pPr marL="0" indent="0">
              <a:buNone/>
            </a:pP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10.45 - 11.55 Arbejdspakker til specialisterne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Karin Grundsø, Planlægningsgruppen</a:t>
            </a:r>
            <a:endParaRPr lang="da-DK" sz="1800" dirty="0"/>
          </a:p>
          <a:p>
            <a:pPr marL="0" indent="0">
              <a:buNone/>
            </a:pPr>
            <a:endParaRPr lang="da-DK" sz="18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1800" b="1" dirty="0">
                <a:latin typeface="Calibri" panose="020F0502020204030204" pitchFamily="34" charset="0"/>
                <a:cs typeface="Calibri" panose="020F0502020204030204" pitchFamily="34" charset="0"/>
              </a:rPr>
              <a:t>11.55 - 12.00 Afrunding</a:t>
            </a:r>
          </a:p>
          <a:p>
            <a:pPr marL="0" indent="0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ved </a:t>
            </a:r>
            <a:r>
              <a:rPr lang="da-DK" sz="1800" dirty="0">
                <a:latin typeface="Calibri" panose="020F0502020204030204" pitchFamily="34" charset="0"/>
                <a:ea typeface="Times New Roman" panose="02020603050405020304" pitchFamily="18" charset="0"/>
              </a:rPr>
              <a:t>Janne Valdgård Petersen, Planlægningsgruppen</a:t>
            </a:r>
            <a:endParaRPr lang="da-DK" sz="1800" dirty="0"/>
          </a:p>
          <a:p>
            <a:pPr marL="0" indent="0">
              <a:buNone/>
            </a:pPr>
            <a:endParaRPr lang="da-DK" sz="1800" b="1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ABFBBFC6-41C8-465D-8B67-F8A35C33C21C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11AECDE-CFB6-4B6D-926C-405B4690EC08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2" name="Pil: højre 1">
            <a:extLst>
              <a:ext uri="{FF2B5EF4-FFF2-40B4-BE49-F238E27FC236}">
                <a16:creationId xmlns:a16="http://schemas.microsoft.com/office/drawing/2014/main" id="{55FCDD1C-43EF-42B2-AC68-19DCCC094A71}"/>
              </a:ext>
            </a:extLst>
          </p:cNvPr>
          <p:cNvSpPr/>
          <p:nvPr/>
        </p:nvSpPr>
        <p:spPr>
          <a:xfrm>
            <a:off x="2400515" y="323326"/>
            <a:ext cx="1222159" cy="462620"/>
          </a:xfrm>
          <a:prstGeom prst="rightArrow">
            <a:avLst/>
          </a:prstGeom>
          <a:solidFill>
            <a:srgbClr val="F2C75C"/>
          </a:solidFill>
          <a:ln>
            <a:solidFill>
              <a:srgbClr val="B98A0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258627374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BC4DCE8-F3B1-7AB4-7075-8557B13417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48808" y="393378"/>
            <a:ext cx="9865940" cy="1884283"/>
          </a:xfrm>
        </p:spPr>
        <p:txBody>
          <a:bodyPr/>
          <a:lstStyle/>
          <a:p>
            <a:r>
              <a:rPr lang="da-DK" dirty="0"/>
              <a:t>Case</a:t>
            </a:r>
            <a:br>
              <a:rPr lang="da-DK" dirty="0"/>
            </a:br>
            <a:r>
              <a:rPr lang="da-DK" sz="1800" b="1" dirty="0">
                <a:effectLst/>
                <a:latin typeface="Calibri" panose="020F0502020204030204" pitchFamily="34" charset="0"/>
                <a:ea typeface="Arial" panose="020B0604020202020204" pitchFamily="34" charset="0"/>
              </a:rPr>
              <a:t>Projekttitel: Indhentning og samling af data til brug for skemalægning og eksamensplanlægning </a:t>
            </a:r>
            <a:br>
              <a:rPr lang="da-DK" sz="1800" dirty="0">
                <a:effectLst/>
                <a:latin typeface="Calibri" panose="020F0502020204030204" pitchFamily="34" charset="0"/>
                <a:ea typeface="Arial" panose="020B0604020202020204" pitchFamily="34" charset="0"/>
              </a:rPr>
            </a:b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474256F-0700-4A2B-4434-0023544E721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348808" y="1421347"/>
            <a:ext cx="11023592" cy="4626504"/>
          </a:xfrm>
        </p:spPr>
        <p:txBody>
          <a:bodyPr/>
          <a:lstStyle/>
          <a:p>
            <a:pPr marL="0" indent="0">
              <a:spcBef>
                <a:spcPts val="1200"/>
              </a:spcBef>
              <a:buNone/>
            </a:pPr>
            <a:r>
              <a:rPr lang="da-DK" dirty="0"/>
              <a:t>Generelt har fakultetet indenfor skemalægning og eksamensplanlægning udfordringer med:</a:t>
            </a:r>
          </a:p>
          <a:p>
            <a:pPr>
              <a:spcBef>
                <a:spcPts val="600"/>
              </a:spcBef>
            </a:pPr>
            <a:r>
              <a:rPr lang="da-DK" dirty="0"/>
              <a:t>Opsamling af data inden disse er tastet i eksisterende systemer som fx DE, ODIN, TEK-Manager. </a:t>
            </a: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dtastes manuelt i regneark</a:t>
            </a:r>
          </a:p>
          <a:p>
            <a:pPr>
              <a:spcBef>
                <a:spcPts val="600"/>
              </a:spcBef>
            </a:pPr>
            <a:r>
              <a:rPr lang="da-DK" dirty="0"/>
              <a:t>Indsamling af data, som ikke indgår i eksisterende systemer. </a:t>
            </a:r>
            <a:r>
              <a:rPr lang="da-DK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Indtastes manuelt i regneark</a:t>
            </a:r>
            <a:endParaRPr lang="da-DK" sz="1800" dirty="0"/>
          </a:p>
          <a:p>
            <a:pPr>
              <a:spcBef>
                <a:spcPts val="600"/>
              </a:spcBef>
            </a:pPr>
            <a:r>
              <a:rPr lang="da-DK" dirty="0"/>
              <a:t>Mange brugere af samme Excel-løsning</a:t>
            </a:r>
          </a:p>
          <a:p>
            <a:pPr>
              <a:spcBef>
                <a:spcPts val="600"/>
              </a:spcBef>
            </a:pPr>
            <a:r>
              <a:rPr lang="da-DK" dirty="0"/>
              <a:t>Udveksling af data mellem systemer og mellem regneark og systemer: Vi bruger meget tid på manuelle indtastninger og opdateringer i både regneark og systemer etc.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En digitalisering af processen vil mindske behovet for manuel indtastning af data i regneark + samling af data i en database vil gøre det nemmere at sortere data til forskellige behov.   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Projektet ønsker også at undersøge mulighederne for en løsning, der kan indhente data fra og/eller overføre data til eksisterende SDU-systemer og om muligt også kommunikere med undervisere via forms e.l., der kan integrere data direkte i løsningen. 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56F99649-7D10-4E84-2C7F-055DC41ABD8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E7582AC-9335-4A8E-8E0C-183D7871A163}" type="datetime1">
              <a:rPr lang="da-DK" smtClean="0"/>
              <a:t>25-02-2024</a:t>
            </a:fld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BC58997-079D-8284-0076-4EB622D1299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4724894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CF00A5F3-17F2-9D15-EE8A-F41A49DAFA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SDU’s Stage-gatemod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5974B8-4B20-405D-B781-EB5823AF182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A69FB771-6015-457D-8CBD-634E18D4B19E}" type="datetime1">
              <a:rPr lang="da-DK" smtClean="0"/>
              <a:pPr>
                <a:spcAft>
                  <a:spcPts val="600"/>
                </a:spcAft>
              </a:pPr>
              <a:t>25-02-2024</a:t>
            </a:fld>
            <a:endParaRPr lang="da-DK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EBABDDE4-A4DC-905E-2E90-F090B42FE6B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10400" y="1848678"/>
            <a:ext cx="11228322" cy="398107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75803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1">
            <a:extLst>
              <a:ext uri="{FF2B5EF4-FFF2-40B4-BE49-F238E27FC236}">
                <a16:creationId xmlns:a16="http://schemas.microsoft.com/office/drawing/2014/main" id="{CF00A5F3-17F2-9D15-EE8A-F41A49DAFA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10400" y="1028246"/>
            <a:ext cx="10962000" cy="671967"/>
          </a:xfrm>
        </p:spPr>
        <p:txBody>
          <a:bodyPr anchor="t">
            <a:normAutofit/>
          </a:bodyPr>
          <a:lstStyle/>
          <a:p>
            <a:r>
              <a:rPr lang="da-DK" dirty="0"/>
              <a:t>Projektfasern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5974B8-4B20-405D-B781-EB5823AF182B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A69FB771-6015-457D-8CBD-634E18D4B19E}" type="datetime1">
              <a:rPr lang="da-DK" smtClean="0"/>
              <a:pPr>
                <a:spcAft>
                  <a:spcPts val="600"/>
                </a:spcAft>
              </a:pPr>
              <a:t>25-02-2024</a:t>
            </a:fld>
            <a:endParaRPr lang="da-DK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99EF1168-514A-5997-562E-70B24FDC5DC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28724" y="1700213"/>
            <a:ext cx="10840905" cy="41910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59171291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],"templateName":"SDU widescreen 16:9 - uden enhedsnavn, dato og links","templateDescription":"SDU widescreen 16:9 - uden enhedsnavn, dato og links","enableDocumentContentUpdater":true,"version":"1.3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921329540560416","enableDocumentContentUpdater":true,"version":"1.3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21329541028667","enableDocumentContentUpdater":true,"version":"1.3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21329541028667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2.xml><?xml version="1.0" encoding="utf-8"?>
<ds:datastoreItem xmlns:ds="http://schemas.openxmlformats.org/officeDocument/2006/customXml" ds:itemID="{C5CD5A01-6378-494D-B71B-D23DEC9A120C}">
  <ds:schemaRefs/>
</ds:datastoreItem>
</file>

<file path=customXml/itemProps3.xml><?xml version="1.0" encoding="utf-8"?>
<ds:datastoreItem xmlns:ds="http://schemas.openxmlformats.org/officeDocument/2006/customXml" ds:itemID="{43723FED-A2E0-415E-8B28-139637BC092B}">
  <ds:schemaRefs/>
</ds:datastoreItem>
</file>

<file path=customXml/itemProps4.xml><?xml version="1.0" encoding="utf-8"?>
<ds:datastoreItem xmlns:ds="http://schemas.openxmlformats.org/officeDocument/2006/customXml" ds:itemID="{80A386E5-FB57-411F-ACEC-E4C4608EF981}">
  <ds:schemaRefs/>
</ds:datastoreItem>
</file>

<file path=customXml/itemProps5.xml><?xml version="1.0" encoding="utf-8"?>
<ds:datastoreItem xmlns:ds="http://schemas.openxmlformats.org/officeDocument/2006/customXml" ds:itemID="{FE87C2BA-4D9C-4A03-8ACC-AC033380FDD9}">
  <ds:schemaRefs/>
</ds:datastoreItem>
</file>

<file path=customXml/itemProps6.xml><?xml version="1.0" encoding="utf-8"?>
<ds:datastoreItem xmlns:ds="http://schemas.openxmlformats.org/officeDocument/2006/customXml" ds:itemID="{6328992E-AE26-492A-B96B-B12F18AF1702}">
  <ds:schemaRefs/>
</ds:datastoreItem>
</file>

<file path=customXml/itemProps7.xml><?xml version="1.0" encoding="utf-8"?>
<ds:datastoreItem xmlns:ds="http://schemas.openxmlformats.org/officeDocument/2006/customXml" ds:itemID="{2C7C6C4F-A2FE-4E0A-B4F9-FA188525230F}">
  <ds:schemaRefs/>
</ds:datastoreItem>
</file>

<file path=customXml/itemProps8.xml><?xml version="1.0" encoding="utf-8"?>
<ds:datastoreItem xmlns:ds="http://schemas.openxmlformats.org/officeDocument/2006/customXml" ds:itemID="{F53D5CAF-5332-46A2-B451-C3E359D4516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304</Words>
  <Application>Microsoft Office PowerPoint</Application>
  <PresentationFormat>Widescreen</PresentationFormat>
  <Paragraphs>49</Paragraphs>
  <Slides>5</Slides>
  <Notes>5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5</vt:i4>
      </vt:variant>
    </vt:vector>
  </HeadingPairs>
  <TitlesOfParts>
    <vt:vector size="9" baseType="lpstr">
      <vt:lpstr>Arial</vt:lpstr>
      <vt:lpstr>Calibri</vt:lpstr>
      <vt:lpstr>Wingdings</vt:lpstr>
      <vt:lpstr>Blank</vt:lpstr>
      <vt:lpstr>Velkommen til Projekt- og porteføljenetværk  21. februar 2024</vt:lpstr>
      <vt:lpstr>Program</vt:lpstr>
      <vt:lpstr>Case Projekttitel: Indhentning og samling af data til brug for skemalægning og eksamensplanlægning  </vt:lpstr>
      <vt:lpstr>SDU’s Stage-gatemodel</vt:lpstr>
      <vt:lpstr>Projektfaserne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19-01-15T10:32:39Z</dcterms:created>
  <dcterms:modified xsi:type="dcterms:W3CDTF">2024-02-25T15:13:5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32:31.2904676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6082231930658826</vt:lpwstr>
  </property>
  <property fmtid="{D5CDD505-2E9C-101B-9397-08002B2CF9AE}" pid="6" name="TemplafyLanguageCode">
    <vt:lpwstr>da-DK</vt:lpwstr>
  </property>
</Properties>
</file>